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1477" w:type="dxa"/>
        <w:jc w:val="center"/>
        <w:tblLook w:val="04A0" w:firstRow="1" w:lastRow="0" w:firstColumn="1" w:lastColumn="0" w:noHBand="0" w:noVBand="1"/>
      </w:tblPr>
      <w:tblGrid>
        <w:gridCol w:w="1985"/>
        <w:gridCol w:w="2268"/>
        <w:gridCol w:w="4406"/>
        <w:gridCol w:w="2818"/>
      </w:tblGrid>
      <w:tr w:rsidR="00082967" w:rsidRPr="00E85A9F" w14:paraId="08B456C5" w14:textId="77777777" w:rsidTr="00E85A9F">
        <w:trPr>
          <w:trHeight w:val="290"/>
          <w:jc w:val="center"/>
        </w:trPr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BFBFBF"/>
            <w:noWrap/>
            <w:vAlign w:val="center"/>
            <w:hideMark/>
          </w:tcPr>
          <w:p w14:paraId="150B7E85" w14:textId="77777777" w:rsidR="00082967" w:rsidRPr="00E85A9F" w:rsidRDefault="00082967" w:rsidP="00BB4198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  <w:t>REGION</w:t>
            </w: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BFBFBF"/>
            <w:noWrap/>
            <w:vAlign w:val="center"/>
            <w:hideMark/>
          </w:tcPr>
          <w:p w14:paraId="75016085" w14:textId="77777777" w:rsidR="00082967" w:rsidRPr="00E85A9F" w:rsidRDefault="00082967" w:rsidP="00BB4198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  <w:t>OFFICE NAME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BFBFBF"/>
            <w:noWrap/>
            <w:vAlign w:val="center"/>
            <w:hideMark/>
          </w:tcPr>
          <w:p w14:paraId="50E0D4F6" w14:textId="77777777" w:rsidR="00082967" w:rsidRPr="00E85A9F" w:rsidRDefault="00082967" w:rsidP="00BB4198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  <w:t xml:space="preserve">E-MAIL </w:t>
            </w:r>
          </w:p>
        </w:tc>
        <w:tc>
          <w:tcPr>
            <w:tcW w:w="28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BFBFBF"/>
            <w:noWrap/>
            <w:vAlign w:val="center"/>
            <w:hideMark/>
          </w:tcPr>
          <w:p w14:paraId="5C56CAF1" w14:textId="77777777" w:rsidR="00082967" w:rsidRPr="00E85A9F" w:rsidRDefault="00082967" w:rsidP="00BB4198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  <w:t>Manager Name</w:t>
            </w:r>
          </w:p>
        </w:tc>
      </w:tr>
      <w:tr w:rsidR="00082967" w:rsidRPr="00E85A9F" w14:paraId="1DF500DC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9718788" w14:textId="77777777" w:rsidR="00082967" w:rsidRPr="00E85A9F" w:rsidRDefault="00082967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NORTHERN CAPE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691637" w14:textId="77777777" w:rsidR="00082967" w:rsidRPr="00E85A9F" w:rsidRDefault="00082967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Nakop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Border Pos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862375" w14:textId="6C1029AF" w:rsidR="00082967" w:rsidRPr="00E85A9F" w:rsidRDefault="00B35970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6" w:history="1">
              <w:r w:rsidR="005173A2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SMagugwana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0B136D" w14:textId="3EEA3E72" w:rsidR="00082967" w:rsidRPr="00E85A9F" w:rsidRDefault="005173A2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Sipho Magugwana</w:t>
            </w:r>
          </w:p>
        </w:tc>
      </w:tr>
      <w:tr w:rsidR="00082967" w:rsidRPr="00E85A9F" w14:paraId="52D0B5B6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B2EBD9B" w14:textId="77777777" w:rsidR="00082967" w:rsidRPr="00E85A9F" w:rsidRDefault="00082967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2CBA4D" w14:textId="77777777" w:rsidR="00082967" w:rsidRPr="00E85A9F" w:rsidRDefault="00082967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Vioolsdrift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Border Pos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F3F163" w14:textId="5EBC845A" w:rsidR="00082967" w:rsidRPr="00E85A9F" w:rsidRDefault="006B5730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7" w:history="1">
              <w:r w:rsidRPr="00E85A9F">
                <w:rPr>
                  <w:rStyle w:val="Hyperlink"/>
                  <w:rFonts w:ascii="Arial" w:eastAsia="Times New Roman" w:hAnsi="Arial" w:cs="Arial"/>
                  <w:sz w:val="20"/>
                  <w:szCs w:val="20"/>
                  <w:lang w:eastAsia="en-ZA"/>
                </w:rPr>
                <w:t>DWaldick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28065DD" w14:textId="77E373DE" w:rsidR="00082967" w:rsidRPr="00E85A9F" w:rsidRDefault="006B5730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Darwin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Waldick</w:t>
            </w:r>
            <w:proofErr w:type="spellEnd"/>
          </w:p>
        </w:tc>
      </w:tr>
      <w:tr w:rsidR="00082967" w:rsidRPr="00E85A9F" w14:paraId="5B97EFE9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BD7EC92" w14:textId="77777777" w:rsidR="00082967" w:rsidRPr="00E85A9F" w:rsidRDefault="00082967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9B74A2" w14:textId="77777777" w:rsidR="00082967" w:rsidRPr="00E85A9F" w:rsidRDefault="00082967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Upington Rail &amp; Airpor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D62B4B" w14:textId="53C3BC47" w:rsidR="00082967" w:rsidRPr="00E85A9F" w:rsidRDefault="006B5730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8" w:history="1">
              <w:r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SMagugwana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4797D1" w14:textId="600509A0" w:rsidR="00082967" w:rsidRPr="00E85A9F" w:rsidRDefault="006B5730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Sipho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agugwana</w:t>
            </w:r>
            <w:proofErr w:type="spellEnd"/>
          </w:p>
        </w:tc>
      </w:tr>
      <w:tr w:rsidR="00EB4AFD" w:rsidRPr="00E85A9F" w14:paraId="054061A1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right w:val="single" w:sz="4" w:space="0" w:color="auto"/>
            </w:tcBorders>
            <w:vAlign w:val="center"/>
          </w:tcPr>
          <w:p w14:paraId="39B8FF97" w14:textId="0423D250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MPUMALANGA</w:t>
            </w:r>
          </w:p>
        </w:tc>
        <w:tc>
          <w:tcPr>
            <w:tcW w:w="2268" w:type="dxa"/>
            <w:vMerge w:val="restart"/>
            <w:tcBorders>
              <w:top w:val="nil"/>
              <w:left w:val="nil"/>
              <w:right w:val="single" w:sz="4" w:space="0" w:color="auto"/>
            </w:tcBorders>
            <w:shd w:val="clear" w:color="auto" w:fill="auto"/>
            <w:noWrap/>
          </w:tcPr>
          <w:p w14:paraId="2007A08A" w14:textId="77777777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Lebombo</w:t>
            </w:r>
          </w:p>
          <w:p w14:paraId="0932069F" w14:textId="24F8B7EB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5F34AF2B" w14:textId="7EE8159E" w:rsidR="00EB4AFD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Style w:val="Hyperlink"/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sinthumule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330E150" w14:textId="49563CAA" w:rsidR="00EB4AFD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achel Sinthumule</w:t>
            </w:r>
          </w:p>
        </w:tc>
      </w:tr>
      <w:tr w:rsidR="00EB4AFD" w:rsidRPr="00E85A9F" w14:paraId="42A2E8FB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11EE0D5F" w14:textId="77777777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vMerge/>
            <w:tcBorders>
              <w:left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483C29A" w14:textId="3E09FBA4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DCD7B60" w14:textId="4917312E" w:rsidR="00EB4AFD" w:rsidRPr="00E85A9F" w:rsidRDefault="00B3597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9" w:history="1">
              <w:r w:rsidR="00EB4AFD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rvermeulen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4F0309FC" w14:textId="19C69FA2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uwaine Vermeulen</w:t>
            </w:r>
          </w:p>
        </w:tc>
      </w:tr>
      <w:tr w:rsidR="00EB4AFD" w:rsidRPr="00E85A9F" w14:paraId="3F42C940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5CDF8C6E" w14:textId="77777777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vMerge/>
            <w:tcBorders>
              <w:left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71B4E20" w14:textId="6A8563FD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3D90E643" w14:textId="78A91247" w:rsidR="00EB4AFD" w:rsidRPr="00E85A9F" w:rsidRDefault="00B3597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0" w:history="1">
              <w:r w:rsidR="00EB4AFD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pwesthuizen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ADE5A80" w14:textId="092F13C6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iet van der Westhuizen</w:t>
            </w:r>
          </w:p>
        </w:tc>
      </w:tr>
      <w:tr w:rsidR="00EB4AFD" w:rsidRPr="00E85A9F" w14:paraId="001FA852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7ED0B641" w14:textId="77777777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vMerge/>
            <w:tcBorders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7ECC9FC" w14:textId="632CC30D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420D9174" w14:textId="68D4073A" w:rsidR="00EB4AFD" w:rsidRPr="00E85A9F" w:rsidRDefault="00B3597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1" w:history="1">
              <w:r w:rsidR="00EB4AFD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mndou1@sars.gov.za</w:t>
              </w:r>
            </w:hyperlink>
            <w:r w:rsidR="00EB4AFD"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D91DEDE" w14:textId="29261C81" w:rsidR="00EB4AFD" w:rsidRPr="00E85A9F" w:rsidRDefault="00EB4AFD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emory Ndou </w:t>
            </w:r>
          </w:p>
        </w:tc>
      </w:tr>
      <w:tr w:rsidR="001848FB" w:rsidRPr="00E85A9F" w14:paraId="77A3CEE9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5988F1B5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5AD9521" w14:textId="362051F0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Jeppes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Reef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1F3EFC31" w14:textId="10F42C32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Zsithole4 @sars.gov.za   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4E5D982D" w14:textId="02504300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Zandile Sithole</w:t>
            </w:r>
          </w:p>
        </w:tc>
      </w:tr>
      <w:tr w:rsidR="001848FB" w:rsidRPr="00E85A9F" w14:paraId="5208D03C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6245B54E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7496A7F" w14:textId="5C26F964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ahamba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468758F6" w14:textId="5E3A597B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tmndebele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@sars.gov.za 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516CB281" w14:textId="7F87A09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Themba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ndebele</w:t>
            </w:r>
            <w:proofErr w:type="spellEnd"/>
          </w:p>
        </w:tc>
      </w:tr>
      <w:tr w:rsidR="001848FB" w:rsidRPr="00E85A9F" w14:paraId="57E53B5E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372971AD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4BFAD88E" w14:textId="1128CA0D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Nerston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7152B033" w14:textId="64DC1EAD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tmndebele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@sars.gov.za 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C3E94F5" w14:textId="6B91B766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Themba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ndebele</w:t>
            </w:r>
            <w:proofErr w:type="spellEnd"/>
          </w:p>
        </w:tc>
      </w:tr>
      <w:tr w:rsidR="001848FB" w:rsidRPr="00E85A9F" w14:paraId="01F944CA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1023601D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382AFFA5" w14:textId="5035BB1D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ananga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649E1EE0" w14:textId="38583980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zsithole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4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1137196" w14:textId="2BA2C7E8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Zandile Sithole</w:t>
            </w:r>
          </w:p>
        </w:tc>
      </w:tr>
      <w:tr w:rsidR="001848FB" w:rsidRPr="00E85A9F" w14:paraId="0FBAE5C8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52D09CD3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281D2146" w14:textId="1EDBD20B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shoek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00924403" w14:textId="7215C3C3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mabuza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647E8CE" w14:textId="480412E4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avid Mabuza</w:t>
            </w:r>
          </w:p>
        </w:tc>
      </w:tr>
      <w:tr w:rsidR="001848FB" w:rsidRPr="00E85A9F" w14:paraId="4E684049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100DD873" w14:textId="77777777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E355D1E" w14:textId="5F5582D4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Golela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604233C6" w14:textId="6E88DC39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sibiya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6C92A4A" w14:textId="1375756A" w:rsidR="001848FB" w:rsidRPr="00E85A9F" w:rsidRDefault="001848FB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bert Sibiya</w:t>
            </w:r>
          </w:p>
        </w:tc>
      </w:tr>
      <w:tr w:rsidR="006B5730" w:rsidRPr="00E85A9F" w14:paraId="5DF9F15A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5B2D7305" w14:textId="77777777" w:rsidR="006B5730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79A27F39" w14:textId="33B6EC6A" w:rsidR="006B5730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Kosibay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69F7A9F0" w14:textId="58ACE22F" w:rsidR="006B5730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sibiya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5D3F3C52" w14:textId="6958D394" w:rsidR="006B5730" w:rsidRPr="00E85A9F" w:rsidRDefault="006B5730" w:rsidP="0069217A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bert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Sibiya</w:t>
            </w:r>
          </w:p>
        </w:tc>
      </w:tr>
      <w:tr w:rsidR="001848FB" w:rsidRPr="00E85A9F" w14:paraId="6DE58F69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</w:tcPr>
          <w:p w14:paraId="2443A1B9" w14:textId="77777777" w:rsidR="001848FB" w:rsidRPr="00E85A9F" w:rsidRDefault="001848FB" w:rsidP="001848FB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519FF9B7" w14:textId="45B4F1AA" w:rsidR="001848FB" w:rsidRPr="00E85A9F" w:rsidRDefault="001848FB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Kruger Mpumalanga International Airport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</w:tcPr>
          <w:p w14:paraId="013BD493" w14:textId="49A7D79B" w:rsidR="001848FB" w:rsidRPr="00E85A9F" w:rsidRDefault="001848FB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LMsibi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6F56BEE0" w14:textId="47072EC6" w:rsidR="001848FB" w:rsidRPr="00E85A9F" w:rsidRDefault="001848FB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Leah Msibi</w:t>
            </w:r>
          </w:p>
        </w:tc>
      </w:tr>
      <w:tr w:rsidR="00DA02BC" w:rsidRPr="00E85A9F" w14:paraId="09BD8F68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BA7A13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FREESTATE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E9F190" w14:textId="5FFBC7D0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aledonspoort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E4DFCD" w14:textId="42FF32C6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2" w:history="1">
              <w:r w:rsidRPr="00E85A9F">
                <w:rPr>
                  <w:rStyle w:val="Hyperlink"/>
                  <w:rFonts w:ascii="Arial" w:eastAsia="Times New Roman" w:hAnsi="Arial" w:cs="Arial"/>
                  <w:sz w:val="20"/>
                  <w:szCs w:val="20"/>
                  <w:lang w:eastAsia="en-ZA"/>
                </w:rPr>
                <w:t>AGoliath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6AA80C" w14:textId="26EEEEEC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Andrew Goliath</w:t>
            </w:r>
          </w:p>
        </w:tc>
      </w:tr>
      <w:tr w:rsidR="00DA02BC" w:rsidRPr="00E85A9F" w14:paraId="4B63238B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833415A" w14:textId="77777777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715EF8DA" w14:textId="2B2E6873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aserubridge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637DB742" w14:textId="7EE41ACA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3" w:history="1">
              <w:r w:rsidRPr="00E85A9F">
                <w:rPr>
                  <w:rStyle w:val="Hyperlink"/>
                  <w:rFonts w:ascii="Arial" w:eastAsia="Times New Roman" w:hAnsi="Arial" w:cs="Arial"/>
                  <w:sz w:val="20"/>
                  <w:szCs w:val="20"/>
                  <w:lang w:eastAsia="en-ZA"/>
                </w:rPr>
                <w:t>DMabena@sars.gov.za</w:t>
              </w:r>
            </w:hyperlink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8EC46C0" w14:textId="4ACED634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ingaan Mabena</w:t>
            </w:r>
          </w:p>
        </w:tc>
      </w:tr>
      <w:tr w:rsidR="00DA02BC" w:rsidRPr="00E85A9F" w14:paraId="1314448E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C590748" w14:textId="77777777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1E790DBB" w14:textId="6406EBC4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aseru Bridge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14:paraId="251077BB" w14:textId="3A9A2F35" w:rsidR="00DA02BC" w:rsidRPr="00E85A9F" w:rsidRDefault="00B3597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4" w:history="1">
              <w:r w:rsidR="00DA02BC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Itau1@sars.gov.za</w:t>
              </w:r>
            </w:hyperlink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3CE0EA3" w14:textId="70AA4E94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Isaac Tau</w:t>
            </w:r>
          </w:p>
        </w:tc>
      </w:tr>
      <w:tr w:rsidR="00DA02BC" w:rsidRPr="00E85A9F" w14:paraId="56B9E141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55765A3" w14:textId="77777777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E2E565" w14:textId="0FFDB4FC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Van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ooyenshek</w:t>
            </w:r>
            <w:proofErr w:type="spellEnd"/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8742F6" w14:textId="252E43CE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tpaul@sars.gov.za</w:t>
            </w: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320A72A" w14:textId="4C6D19AB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Teboho Paul</w:t>
            </w:r>
          </w:p>
        </w:tc>
      </w:tr>
      <w:tr w:rsidR="00DA02BC" w:rsidRPr="00E85A9F" w14:paraId="29ABDD31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4036324" w14:textId="77777777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FF1E78" w14:textId="60DAD513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Qacha’s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Nek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409285" w14:textId="77FA21CB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5" w:history="1">
              <w:r w:rsidRPr="00E85A9F">
                <w:rPr>
                  <w:rStyle w:val="Hyperlink"/>
                  <w:rFonts w:ascii="Arial" w:eastAsia="Times New Roman" w:hAnsi="Arial" w:cs="Arial"/>
                  <w:sz w:val="20"/>
                  <w:szCs w:val="20"/>
                  <w:lang w:eastAsia="en-ZA"/>
                </w:rPr>
                <w:t>AGoliath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41E99D" w14:textId="7DBE2365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Andrew Goliath</w:t>
            </w:r>
          </w:p>
        </w:tc>
      </w:tr>
      <w:tr w:rsidR="00DA02BC" w:rsidRPr="00E85A9F" w14:paraId="1345FB2F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1515A45" w14:textId="77777777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00EF1E" w14:textId="47D80F1F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Ficksburg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E23ADF" w14:textId="1C38FB05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16" w:history="1">
              <w:r w:rsidRPr="00E85A9F">
                <w:rPr>
                  <w:rStyle w:val="Hyperlink"/>
                  <w:rFonts w:ascii="Arial" w:eastAsia="Times New Roman" w:hAnsi="Arial" w:cs="Arial"/>
                  <w:sz w:val="20"/>
                  <w:szCs w:val="20"/>
                  <w:lang w:eastAsia="en-ZA"/>
                </w:rPr>
                <w:t>VMaphobole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8F96934" w14:textId="3F57B49C" w:rsidR="00DA02BC" w:rsidRPr="00E85A9F" w:rsidRDefault="006B573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Vuyiswa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Jamba</w:t>
            </w:r>
          </w:p>
        </w:tc>
      </w:tr>
      <w:tr w:rsidR="00E85A9F" w:rsidRPr="00E85A9F" w14:paraId="180C1466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EC20752" w14:textId="77777777" w:rsidR="00E85A9F" w:rsidRPr="00E85A9F" w:rsidRDefault="00E85A9F" w:rsidP="00BB419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KZN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49FDF67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urban Harbour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3C8941B" w14:textId="3DA3144A" w:rsidR="00E85A9F" w:rsidRPr="00E85A9F" w:rsidRDefault="00E85A9F" w:rsidP="00BB4198">
            <w:pPr>
              <w:spacing w:after="0" w:line="240" w:lineRule="auto"/>
            </w:pPr>
            <w:hyperlink r:id="rId17" w:history="1">
              <w:r w:rsidRPr="00E85A9F">
                <w:rPr>
                  <w:rStyle w:val="Hyperlink"/>
                </w:rPr>
                <w:t>bvandyk@sars.gov.za</w:t>
              </w:r>
            </w:hyperlink>
          </w:p>
          <w:p w14:paraId="01A828E5" w14:textId="1B293CB1" w:rsidR="00E85A9F" w:rsidRPr="00E85A9F" w:rsidRDefault="00E85A9F" w:rsidP="00BB4198">
            <w:pPr>
              <w:spacing w:after="0" w:line="240" w:lineRule="auto"/>
            </w:pPr>
            <w:hyperlink r:id="rId18" w:history="1">
              <w:r w:rsidRPr="00E85A9F">
                <w:rPr>
                  <w:rStyle w:val="Hyperlink"/>
                </w:rPr>
                <w:t>SMvubu2@sars.gov.za</w:t>
              </w:r>
            </w:hyperlink>
          </w:p>
          <w:p w14:paraId="4BED3824" w14:textId="77777777" w:rsidR="00E85A9F" w:rsidRPr="00E85A9F" w:rsidRDefault="00E85A9F" w:rsidP="00BB4198">
            <w:pPr>
              <w:spacing w:after="0" w:line="240" w:lineRule="auto"/>
            </w:pPr>
          </w:p>
          <w:p w14:paraId="344A741F" w14:textId="20E6A8FA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D9C8B62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Barbara van Dyk (general)</w:t>
            </w:r>
          </w:p>
          <w:p w14:paraId="27558CEC" w14:textId="799CF199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Siyanda Mvubu (Licensing &amp; Registration)</w:t>
            </w:r>
          </w:p>
        </w:tc>
      </w:tr>
      <w:tr w:rsidR="00E85A9F" w:rsidRPr="00E85A9F" w14:paraId="3C38E811" w14:textId="77777777" w:rsidTr="00E85A9F">
        <w:trPr>
          <w:trHeight w:val="52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22775EA7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876FF17" w14:textId="32C908B2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Richards Bay 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081BBF4" w14:textId="77777777" w:rsidR="00E85A9F" w:rsidRPr="00E85A9F" w:rsidRDefault="00E85A9F" w:rsidP="00E85A9F">
            <w:pPr>
              <w:spacing w:after="0" w:line="240" w:lineRule="auto"/>
              <w:rPr>
                <w:rFonts w:eastAsia="Calibri" w:cstheme="minorHAnsi"/>
                <w:color w:val="2F5496"/>
                <w:sz w:val="20"/>
                <w:szCs w:val="20"/>
              </w:rPr>
            </w:pPr>
            <w:hyperlink r:id="rId19" w:history="1">
              <w:r w:rsidRPr="00E85A9F">
                <w:rPr>
                  <w:rFonts w:eastAsia="Calibri" w:cstheme="minorHAnsi"/>
                  <w:color w:val="0563C1"/>
                  <w:sz w:val="20"/>
                  <w:szCs w:val="20"/>
                  <w:u w:val="single"/>
                </w:rPr>
                <w:t>RBayEnquiries@sars.gov.za</w:t>
              </w:r>
            </w:hyperlink>
            <w:r w:rsidRPr="00E85A9F">
              <w:rPr>
                <w:rFonts w:eastAsia="Calibri" w:cstheme="minorHAnsi"/>
                <w:color w:val="2F5496"/>
                <w:sz w:val="20"/>
                <w:szCs w:val="20"/>
              </w:rPr>
              <w:t xml:space="preserve"> </w:t>
            </w:r>
          </w:p>
          <w:p w14:paraId="6824E7B3" w14:textId="486D3471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AD9AFC4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Liza Labuschagne</w:t>
            </w:r>
          </w:p>
        </w:tc>
      </w:tr>
      <w:tr w:rsidR="00E85A9F" w:rsidRPr="00E85A9F" w14:paraId="1A498592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6E2BA35F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B27737E" w14:textId="77777777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King Shaka airport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386658A" w14:textId="56DAC37C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sz w:val="20"/>
                <w:szCs w:val="20"/>
                <w:lang w:eastAsia="en-ZA"/>
              </w:rPr>
            </w:pPr>
            <w:hyperlink r:id="rId20" w:history="1">
              <w:r w:rsidRPr="00E85A9F">
                <w:rPr>
                  <w:rStyle w:val="Hyperlink"/>
                  <w:color w:val="auto"/>
                </w:rPr>
                <w:t>nmhlongo2</w:t>
              </w:r>
              <w:r w:rsidRPr="00E85A9F">
                <w:rPr>
                  <w:rStyle w:val="Hyperlink"/>
                  <w:rFonts w:ascii="Arial" w:eastAsia="Times New Roman" w:hAnsi="Arial" w:cs="Arial"/>
                  <w:color w:val="auto"/>
                  <w:sz w:val="20"/>
                  <w:szCs w:val="20"/>
                  <w:lang w:eastAsia="en-ZA"/>
                </w:rPr>
                <w:t>@sars.gov.za</w:t>
              </w:r>
            </w:hyperlink>
            <w:r w:rsidRPr="00E85A9F">
              <w:rPr>
                <w:rFonts w:ascii="Arial" w:eastAsia="Times New Roman" w:hAnsi="Arial" w:cs="Arial"/>
                <w:sz w:val="20"/>
                <w:szCs w:val="20"/>
                <w:lang w:eastAsia="en-ZA"/>
              </w:rPr>
              <w:t xml:space="preserve"> </w:t>
            </w: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5F244E2" w14:textId="2B147B9A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Nomonde Mhlongo</w:t>
            </w:r>
          </w:p>
        </w:tc>
      </w:tr>
      <w:tr w:rsidR="00E85A9F" w:rsidRPr="00E85A9F" w14:paraId="17326912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</w:tcPr>
          <w:p w14:paraId="752A3F41" w14:textId="77777777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vMerge w:val="restart"/>
            <w:tcBorders>
              <w:top w:val="nil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14:paraId="70C99426" w14:textId="05396263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KSIA Enquiries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0045799C" w14:textId="05802CCF" w:rsidR="00E85A9F" w:rsidRPr="00E85A9F" w:rsidRDefault="00E85A9F" w:rsidP="001848FB">
            <w:pPr>
              <w:spacing w:after="0" w:line="240" w:lineRule="auto"/>
              <w:rPr>
                <w:rFonts w:ascii="Arial" w:hAnsi="Arial" w:cs="Arial"/>
                <w:sz w:val="20"/>
                <w:szCs w:val="20"/>
              </w:rPr>
            </w:pPr>
            <w:r w:rsidRPr="00E85A9F">
              <w:rPr>
                <w:rFonts w:ascii="Arial" w:hAnsi="Arial" w:cs="Arial"/>
                <w:sz w:val="20"/>
                <w:szCs w:val="20"/>
              </w:rPr>
              <w:t>ksiacargo@sars.gov.za</w:t>
            </w: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456F645" w14:textId="789A4744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Nomonde Mhlongo</w:t>
            </w:r>
          </w:p>
        </w:tc>
      </w:tr>
      <w:tr w:rsidR="00E85A9F" w:rsidRPr="00E85A9F" w14:paraId="640648A1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818F3CC" w14:textId="77777777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vMerge/>
            <w:tcBorders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04DB545" w14:textId="77777777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</w:tcPr>
          <w:p w14:paraId="503001F0" w14:textId="078F3F10" w:rsidR="00E85A9F" w:rsidRPr="00E85A9F" w:rsidRDefault="00E85A9F" w:rsidP="001848FB">
            <w:pPr>
              <w:spacing w:after="0" w:line="240" w:lineRule="auto"/>
              <w:rPr>
                <w:rFonts w:ascii="Arial" w:hAnsi="Arial" w:cs="Arial"/>
                <w:color w:val="000000" w:themeColor="text1"/>
                <w:sz w:val="20"/>
                <w:szCs w:val="20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Fessop@sars.gov.za</w:t>
            </w:r>
          </w:p>
        </w:tc>
        <w:tc>
          <w:tcPr>
            <w:tcW w:w="281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5CC74747" w14:textId="02820427" w:rsidR="00E85A9F" w:rsidRPr="00E85A9F" w:rsidRDefault="00E85A9F" w:rsidP="001848F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Farhaz Essop</w:t>
            </w:r>
          </w:p>
        </w:tc>
      </w:tr>
      <w:tr w:rsidR="0016492C" w:rsidRPr="00E85A9F" w14:paraId="72A0179A" w14:textId="77777777" w:rsidTr="00E85A9F">
        <w:trPr>
          <w:trHeight w:val="312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95E1FF" w14:textId="77777777" w:rsidR="0016492C" w:rsidRPr="00E85A9F" w:rsidRDefault="0016492C" w:rsidP="00BB419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Gauteng</w:t>
            </w:r>
          </w:p>
          <w:p w14:paraId="3E0BB0B4" w14:textId="1D1B4EC3" w:rsidR="0016492C" w:rsidRPr="00E85A9F" w:rsidRDefault="0016492C" w:rsidP="00BB4198">
            <w:pPr>
              <w:spacing w:after="0" w:line="240" w:lineRule="auto"/>
              <w:jc w:val="center"/>
              <w:rPr>
                <w:rFonts w:ascii="Arial" w:eastAsia="Times New Roman" w:hAnsi="Arial" w:cs="Arial"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86C4A7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ORTIA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331DA7" w14:textId="711D4DC8" w:rsidR="0016492C" w:rsidRPr="00E85A9F" w:rsidRDefault="00B35970" w:rsidP="0010066E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21" w:history="1">
              <w:r w:rsidR="00491CFD" w:rsidRPr="00E85A9F">
                <w:rPr>
                  <w:rFonts w:eastAsia="Times New Roman"/>
                  <w:color w:val="000000" w:themeColor="text1"/>
                  <w:lang w:eastAsia="en-ZA"/>
                </w:rPr>
                <w:t>ortiageneralqueries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05411E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assius Sinthumule</w:t>
            </w:r>
          </w:p>
        </w:tc>
      </w:tr>
      <w:tr w:rsidR="0016492C" w:rsidRPr="00E85A9F" w14:paraId="55F87B64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2B66AE1" w14:textId="77777777" w:rsidR="0016492C" w:rsidRPr="00E85A9F" w:rsidRDefault="0016492C" w:rsidP="00BB419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2B2EFE00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ity Deep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44D30BB0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albertonbookings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6F742691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Andrew Moroke</w:t>
            </w:r>
          </w:p>
        </w:tc>
      </w:tr>
      <w:tr w:rsidR="00E85A9F" w:rsidRPr="00E85A9F" w14:paraId="4AC828BD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1E2E171" w14:textId="77777777" w:rsidR="00E85A9F" w:rsidRPr="00E85A9F" w:rsidRDefault="00E85A9F" w:rsidP="00BB419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47EF624C" w14:textId="241D51E1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retoria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459AEAEE" w14:textId="1D037917" w:rsidR="00E85A9F" w:rsidRPr="00E85A9F" w:rsidRDefault="00E85A9F" w:rsidP="00BB4198">
            <w:pPr>
              <w:spacing w:after="0" w:line="240" w:lineRule="auto"/>
              <w:rPr>
                <w:rFonts w:eastAsia="Calibri" w:cstheme="minorHAnsi"/>
                <w:sz w:val="20"/>
                <w:szCs w:val="20"/>
              </w:rPr>
            </w:pPr>
            <w:hyperlink r:id="rId22" w:history="1">
              <w:r w:rsidRPr="00E85A9F">
                <w:rPr>
                  <w:rFonts w:eastAsia="Calibri" w:cstheme="minorHAnsi"/>
                  <w:color w:val="0563C1"/>
                  <w:sz w:val="20"/>
                  <w:szCs w:val="20"/>
                  <w:u w:val="single"/>
                </w:rPr>
                <w:t>PTAbookings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633386D3" w14:textId="76CD7592" w:rsidR="00E85A9F" w:rsidRPr="00E85A9F" w:rsidRDefault="00E85A9F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eastAsia="Calibri" w:cstheme="minorHAnsi"/>
                <w:sz w:val="20"/>
                <w:szCs w:val="20"/>
              </w:rPr>
              <w:t xml:space="preserve">Sipho </w:t>
            </w:r>
            <w:proofErr w:type="spellStart"/>
            <w:r w:rsidRPr="00E85A9F">
              <w:rPr>
                <w:rFonts w:eastAsia="Calibri" w:cstheme="minorHAnsi"/>
                <w:sz w:val="20"/>
                <w:szCs w:val="20"/>
              </w:rPr>
              <w:t>Mahanjana</w:t>
            </w:r>
            <w:proofErr w:type="spellEnd"/>
          </w:p>
        </w:tc>
      </w:tr>
      <w:tr w:rsidR="0016492C" w:rsidRPr="00E85A9F" w14:paraId="27035D53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38A288C4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658E16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Alberton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08B564" w14:textId="77777777" w:rsidR="0016492C" w:rsidRPr="00E85A9F" w:rsidRDefault="00B35970" w:rsidP="00BB4198">
            <w:pPr>
              <w:spacing w:after="0" w:line="240" w:lineRule="auto"/>
              <w:rPr>
                <w:rFonts w:ascii="Arial" w:eastAsia="Times New Roman" w:hAnsi="Arial" w:cs="Arial"/>
                <w:sz w:val="20"/>
                <w:szCs w:val="20"/>
                <w:lang w:eastAsia="en-ZA"/>
              </w:rPr>
            </w:pPr>
            <w:hyperlink r:id="rId23" w:history="1">
              <w:r w:rsidR="0016492C" w:rsidRPr="00E85A9F">
                <w:t>AlbertonBranch@sars.gov.za</w:t>
              </w:r>
            </w:hyperlink>
          </w:p>
          <w:p w14:paraId="4E23772C" w14:textId="77777777" w:rsidR="0016492C" w:rsidRPr="00E85A9F" w:rsidRDefault="00B35970" w:rsidP="00BB4198">
            <w:pPr>
              <w:spacing w:after="0" w:line="240" w:lineRule="auto"/>
              <w:rPr>
                <w:rFonts w:ascii="Arial" w:eastAsia="Times New Roman" w:hAnsi="Arial" w:cs="Arial"/>
                <w:sz w:val="20"/>
                <w:szCs w:val="20"/>
                <w:lang w:eastAsia="en-ZA"/>
              </w:rPr>
            </w:pPr>
            <w:hyperlink r:id="rId24" w:history="1">
              <w:r w:rsidR="0016492C" w:rsidRPr="00E85A9F">
                <w:t>AlbRevenue@sars.gov.za</w:t>
              </w:r>
            </w:hyperlink>
            <w:r w:rsidR="0016492C" w:rsidRPr="00E85A9F">
              <w:rPr>
                <w:rFonts w:ascii="Arial" w:eastAsia="Times New Roman" w:hAnsi="Arial" w:cs="Arial"/>
                <w:sz w:val="20"/>
                <w:szCs w:val="20"/>
                <w:lang w:eastAsia="en-ZA"/>
              </w:rPr>
              <w:t xml:space="preserve"> 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19FB584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Brita Groenewald</w:t>
            </w:r>
          </w:p>
        </w:tc>
      </w:tr>
      <w:tr w:rsidR="0016492C" w:rsidRPr="00E85A9F" w14:paraId="3742691A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BEDF838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5358762D" w14:textId="5B255D86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Lanseria International Airpor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572D25D6" w14:textId="7BC4F6A2" w:rsidR="0016492C" w:rsidRPr="00E85A9F" w:rsidRDefault="00B35970" w:rsidP="00BB4198">
            <w:pPr>
              <w:spacing w:after="0" w:line="240" w:lineRule="auto"/>
              <w:rPr>
                <w:lang w:eastAsia="en-ZA"/>
              </w:rPr>
            </w:pPr>
            <w:hyperlink r:id="rId25" w:history="1">
              <w:r w:rsidR="0016492C" w:rsidRPr="00E85A9F">
                <w:rPr>
                  <w:lang w:eastAsia="en-ZA"/>
                </w:rPr>
                <w:t>Bndou@sars.gov.za</w:t>
              </w:r>
            </w:hyperlink>
          </w:p>
          <w:p w14:paraId="03BA8387" w14:textId="2513035B" w:rsidR="0016492C" w:rsidRPr="00E85A9F" w:rsidRDefault="00B35970" w:rsidP="0016492C">
            <w:pPr>
              <w:spacing w:after="0" w:line="240" w:lineRule="auto"/>
              <w:rPr>
                <w:lang w:eastAsia="en-ZA"/>
              </w:rPr>
            </w:pPr>
            <w:hyperlink r:id="rId26" w:history="1">
              <w:r w:rsidR="0016492C" w:rsidRPr="00E85A9F">
                <w:rPr>
                  <w:lang w:eastAsia="en-ZA"/>
                </w:rPr>
                <w:t>Mrampersad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6BFF86BD" w14:textId="77777777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Bethwell Ndou</w:t>
            </w:r>
          </w:p>
          <w:p w14:paraId="25548A17" w14:textId="4E83D653" w:rsidR="0016492C" w:rsidRPr="00E85A9F" w:rsidRDefault="0016492C" w:rsidP="00BB419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Mahesh </w:t>
            </w:r>
            <w:r w:rsidR="009923DC"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ampersad</w:t>
            </w:r>
          </w:p>
        </w:tc>
      </w:tr>
      <w:tr w:rsidR="00082967" w:rsidRPr="00E85A9F" w14:paraId="39F8D2CC" w14:textId="77777777" w:rsidTr="00E85A9F">
        <w:trPr>
          <w:trHeight w:val="58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72000DC" w14:textId="77777777" w:rsidR="00082967" w:rsidRPr="00E85A9F" w:rsidRDefault="00082967" w:rsidP="0095521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CAPE TOWN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CDCB3E" w14:textId="77777777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TN Harbour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325343" w14:textId="77777777" w:rsidR="00E85A9F" w:rsidRPr="00E85A9F" w:rsidRDefault="00E85A9F" w:rsidP="00955218">
            <w:pPr>
              <w:spacing w:after="0" w:line="240" w:lineRule="auto"/>
              <w:rPr>
                <w:rStyle w:val="Hyperlink"/>
                <w:rFonts w:cstheme="minorHAnsi"/>
                <w:sz w:val="20"/>
                <w:szCs w:val="20"/>
              </w:rPr>
            </w:pPr>
            <w:hyperlink r:id="rId27" w:history="1">
              <w:r w:rsidRPr="00E85A9F">
                <w:rPr>
                  <w:rStyle w:val="Hyperlink"/>
                  <w:rFonts w:cstheme="minorHAnsi"/>
                  <w:sz w:val="20"/>
                  <w:szCs w:val="20"/>
                </w:rPr>
                <w:t>ctn-bookings@sars.gov.za</w:t>
              </w:r>
            </w:hyperlink>
          </w:p>
          <w:p w14:paraId="39DA397E" w14:textId="00F3C0A6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Style w:val="Hyperlink"/>
                <w:rFonts w:cstheme="minorHAnsi"/>
              </w:rPr>
              <w:t>CTN-Correspondence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DC6AC6" w14:textId="77777777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Hilton Deyce</w:t>
            </w:r>
          </w:p>
        </w:tc>
      </w:tr>
      <w:tr w:rsidR="00082967" w:rsidRPr="00E85A9F" w14:paraId="45180B88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9BB9DAD" w14:textId="77777777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9CA6DA" w14:textId="77777777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ape Town Airport</w:t>
            </w:r>
          </w:p>
        </w:tc>
        <w:tc>
          <w:tcPr>
            <w:tcW w:w="440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B9CB18" w14:textId="77777777" w:rsidR="00082967" w:rsidRPr="00E85A9F" w:rsidRDefault="00082967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Ctiabranch@sars.gov.za</w:t>
            </w:r>
          </w:p>
        </w:tc>
        <w:tc>
          <w:tcPr>
            <w:tcW w:w="281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B11FA7" w14:textId="6E0B561F" w:rsidR="00082967" w:rsidRPr="00E85A9F" w:rsidRDefault="00FC4076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gram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iguel  Guerreiro</w:t>
            </w:r>
            <w:proofErr w:type="gramEnd"/>
          </w:p>
        </w:tc>
      </w:tr>
      <w:tr w:rsidR="00066B3B" w:rsidRPr="00E85A9F" w14:paraId="3350AA4C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67F2D48" w14:textId="77777777" w:rsidR="00066B3B" w:rsidRPr="00E85A9F" w:rsidRDefault="00066B3B" w:rsidP="0095521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LIMPOPO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F90AEF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Beitbridge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253C41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InspectionqueriesBBR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8563C0" w14:textId="44192838" w:rsidR="00066B3B" w:rsidRPr="00E85A9F" w:rsidRDefault="006B5730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emory Ndou</w:t>
            </w:r>
          </w:p>
        </w:tc>
      </w:tr>
      <w:tr w:rsidR="00066B3B" w:rsidRPr="00E85A9F" w14:paraId="203EFF32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38A1EE84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7480DAD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Groblersbridge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4189E0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mabolabola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7534306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Daniel Mabolabola</w:t>
            </w:r>
          </w:p>
        </w:tc>
      </w:tr>
      <w:tr w:rsidR="00066B3B" w:rsidRPr="00E85A9F" w14:paraId="68EE1C5D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</w:tcPr>
          <w:p w14:paraId="4EEEEAFA" w14:textId="77777777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3EB947A5" w14:textId="5E4256A5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Polokwane International Airpor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64FE6D8A" w14:textId="3202E44A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MMiyen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0FBD36DB" w14:textId="33FCB763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Makopa Miyen</w:t>
            </w:r>
          </w:p>
        </w:tc>
      </w:tr>
      <w:tr w:rsidR="00066B3B" w:rsidRPr="00E85A9F" w14:paraId="080AD464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BD0D59E" w14:textId="77777777" w:rsidR="00066B3B" w:rsidRPr="00E85A9F" w:rsidRDefault="00066B3B" w:rsidP="00955218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proofErr w:type="gramStart"/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NORTH WEST</w:t>
            </w:r>
            <w:proofErr w:type="gramEnd"/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9FC793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amatlabama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B7F637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RamatlabamaCustomsRAM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6D9570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Yvonne Makhate</w:t>
            </w:r>
          </w:p>
        </w:tc>
      </w:tr>
      <w:tr w:rsidR="00066B3B" w:rsidRPr="00E85A9F" w14:paraId="058CEAF0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2282A69E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3ECE46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Skilpadshek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7C02DC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SKHCustoms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868AF0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Kwena Morifi</w:t>
            </w:r>
          </w:p>
        </w:tc>
      </w:tr>
      <w:tr w:rsidR="00066B3B" w:rsidRPr="00E85A9F" w14:paraId="6DEFDC96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14:paraId="0A1DB330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6FDC2E" w14:textId="77777777" w:rsidR="00066B3B" w:rsidRPr="00E85A9F" w:rsidRDefault="00066B3B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Kopfontein</w:t>
            </w:r>
            <w:proofErr w:type="spellEnd"/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5E9CD6" w14:textId="5C0E1A1B" w:rsidR="00066B3B" w:rsidRPr="00E85A9F" w:rsidRDefault="00EB4AFD" w:rsidP="00EB4AFD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_</w:t>
            </w:r>
            <w:hyperlink r:id="rId28" w:history="1">
              <w:r w:rsidRPr="00E85A9F">
                <w:rPr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KopfonteinClientQueries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EB3AC90" w14:textId="0BFF5212" w:rsidR="00066B3B" w:rsidRPr="00E85A9F" w:rsidRDefault="006B5730" w:rsidP="00955218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Gaolatlhwe</w:t>
            </w:r>
            <w:proofErr w:type="spellEnd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 xml:space="preserve"> </w:t>
            </w:r>
            <w:proofErr w:type="spellStart"/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Mosielele</w:t>
            </w:r>
            <w:proofErr w:type="spellEnd"/>
          </w:p>
        </w:tc>
      </w:tr>
      <w:tr w:rsidR="00066B3B" w:rsidRPr="00E85A9F" w14:paraId="68C87FC1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0DB483B" w14:textId="77777777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276EE26B" w14:textId="41005C1C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Pilanesberg international airport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63F0DFF0" w14:textId="45DA6AE6" w:rsidR="00066B3B" w:rsidRPr="00E85A9F" w:rsidRDefault="00066B3B" w:rsidP="00066B3B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bntshabele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2ACBD574" w14:textId="6743D364" w:rsidR="00066B3B" w:rsidRPr="00E85A9F" w:rsidRDefault="00066B3B" w:rsidP="00066B3B">
            <w:pPr>
              <w:spacing w:after="0" w:line="240" w:lineRule="auto"/>
              <w:rPr>
                <w:rFonts w:ascii="Arial" w:hAnsi="Arial" w:cs="Arial"/>
                <w:color w:val="000000" w:themeColor="text1"/>
                <w:sz w:val="20"/>
                <w:szCs w:val="20"/>
              </w:rPr>
            </w:pPr>
            <w:r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>Beulah Ntshabele</w:t>
            </w:r>
          </w:p>
        </w:tc>
      </w:tr>
      <w:tr w:rsidR="00DA02BC" w:rsidRPr="00E85A9F" w14:paraId="34ED6140" w14:textId="77777777" w:rsidTr="00E85A9F">
        <w:trPr>
          <w:trHeight w:val="290"/>
          <w:jc w:val="center"/>
        </w:trPr>
        <w:tc>
          <w:tcPr>
            <w:tcW w:w="19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EE6340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b/>
                <w:bCs/>
                <w:color w:val="000000" w:themeColor="text1"/>
                <w:sz w:val="20"/>
                <w:szCs w:val="20"/>
                <w:lang w:eastAsia="en-ZA"/>
              </w:rPr>
              <w:t>EASTERN CAPE</w:t>
            </w: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562525C" w14:textId="5FAEB21A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East London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FE7188" w14:textId="21EFBAA4" w:rsidR="00DA02BC" w:rsidRPr="00E85A9F" w:rsidRDefault="00E85A9F" w:rsidP="00DA02BC">
            <w:pPr>
              <w:spacing w:after="0" w:line="240" w:lineRule="auto"/>
              <w:rPr>
                <w:rFonts w:eastAsia="Calibri" w:cstheme="minorHAnsi"/>
                <w:sz w:val="20"/>
                <w:szCs w:val="20"/>
              </w:rPr>
            </w:pPr>
            <w:hyperlink r:id="rId29" w:history="1">
              <w:r w:rsidRPr="00E85A9F">
                <w:rPr>
                  <w:rFonts w:eastAsia="Calibri" w:cstheme="minorHAnsi"/>
                  <w:color w:val="0563C1"/>
                  <w:sz w:val="20"/>
                  <w:szCs w:val="20"/>
                  <w:u w:val="single"/>
                </w:rPr>
                <w:t>CustomsBranchOperationsEastLondon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27564DA4" w14:textId="4A1FC983" w:rsidR="00DA02BC" w:rsidRPr="00E85A9F" w:rsidRDefault="00E85A9F" w:rsidP="00DA02BC">
            <w:pPr>
              <w:spacing w:after="0" w:line="240" w:lineRule="auto"/>
              <w:rPr>
                <w:rFonts w:ascii="Arial" w:hAnsi="Arial" w:cs="Arial"/>
                <w:color w:val="000000" w:themeColor="text1"/>
                <w:sz w:val="20"/>
                <w:szCs w:val="20"/>
              </w:rPr>
            </w:pPr>
            <w:proofErr w:type="spellStart"/>
            <w:r w:rsidRPr="00E85A9F">
              <w:rPr>
                <w:rFonts w:eastAsia="Calibri" w:cstheme="minorHAnsi"/>
                <w:sz w:val="20"/>
                <w:szCs w:val="20"/>
              </w:rPr>
              <w:t>Zanemvula</w:t>
            </w:r>
            <w:proofErr w:type="spellEnd"/>
            <w:r w:rsidRPr="00E85A9F">
              <w:rPr>
                <w:rFonts w:eastAsia="Calibri" w:cstheme="minorHAnsi"/>
                <w:sz w:val="20"/>
                <w:szCs w:val="20"/>
              </w:rPr>
              <w:t xml:space="preserve"> </w:t>
            </w:r>
            <w:proofErr w:type="spellStart"/>
            <w:r w:rsidRPr="00E85A9F">
              <w:rPr>
                <w:rFonts w:eastAsia="Calibri" w:cstheme="minorHAnsi"/>
                <w:sz w:val="20"/>
                <w:szCs w:val="20"/>
              </w:rPr>
              <w:t>Miza</w:t>
            </w:r>
            <w:proofErr w:type="spellEnd"/>
          </w:p>
        </w:tc>
      </w:tr>
      <w:tr w:rsidR="00DA02BC" w:rsidRPr="00E85A9F" w14:paraId="14976279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19ECF731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32D3E3A6" w14:textId="4BF36A55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ort Elizabeth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</w:tcPr>
          <w:p w14:paraId="05D130C6" w14:textId="53A262AB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zmiza@sars.gov.za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48CAC3" w14:textId="5C6817B1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Zanemvula Miza</w:t>
            </w:r>
          </w:p>
        </w:tc>
      </w:tr>
      <w:tr w:rsidR="00DA02BC" w:rsidRPr="00E85A9F" w14:paraId="24276D91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59344581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5B40FA" w14:textId="54432561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ort Elizabeth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58D88BDD" w14:textId="17B0099F" w:rsidR="00DA02BC" w:rsidRPr="00E85A9F" w:rsidRDefault="00B3597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30" w:history="1">
              <w:r w:rsidR="00DA02BC" w:rsidRPr="00E85A9F">
                <w:rPr>
                  <w:rStyle w:val="Hyperlink"/>
                  <w:rFonts w:ascii="Arial" w:hAnsi="Arial" w:cs="Arial"/>
                  <w:color w:val="000000" w:themeColor="text1"/>
                  <w:sz w:val="20"/>
                  <w:szCs w:val="20"/>
                </w:rPr>
                <w:t>PEZRegistrationandLicensing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67A7D59" w14:textId="60DA47ED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</w:tr>
      <w:tr w:rsidR="00DA02BC" w:rsidRPr="00E85A9F" w14:paraId="455D29CF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3B948CC1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CE89DAE" w14:textId="7D3BB246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ort Elizabeth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12F606B0" w14:textId="46287B9D" w:rsidR="00DA02BC" w:rsidRPr="00E85A9F" w:rsidRDefault="00B3597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31" w:history="1">
              <w:r w:rsidR="00DA02BC" w:rsidRPr="00E85A9F">
                <w:rPr>
                  <w:rStyle w:val="Hyperlink"/>
                  <w:rFonts w:ascii="Arial" w:hAnsi="Arial" w:cs="Arial"/>
                  <w:color w:val="000000" w:themeColor="text1"/>
                  <w:sz w:val="20"/>
                  <w:szCs w:val="20"/>
                </w:rPr>
                <w:t>PEZEnquiries@sars.gov.za</w:t>
              </w:r>
            </w:hyperlink>
            <w:r w:rsidR="00DA02BC" w:rsidRPr="00E85A9F">
              <w:rPr>
                <w:rFonts w:ascii="Arial" w:hAnsi="Arial" w:cs="Arial"/>
                <w:color w:val="000000" w:themeColor="text1"/>
                <w:sz w:val="20"/>
                <w:szCs w:val="20"/>
              </w:rPr>
              <w:t xml:space="preserve">            </w:t>
            </w:r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14:paraId="036B45B0" w14:textId="508279F6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</w:tr>
      <w:tr w:rsidR="00DA02BC" w:rsidRPr="00E85A9F" w14:paraId="50ACD1D7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</w:tcPr>
          <w:p w14:paraId="0C8C9EC6" w14:textId="77777777" w:rsidR="00DA02BC" w:rsidRPr="00E85A9F" w:rsidRDefault="00DA02BC" w:rsidP="00DA02BC">
            <w:pPr>
              <w:spacing w:after="0" w:line="240" w:lineRule="auto"/>
              <w:jc w:val="center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09B3DB4A" w14:textId="22C0CC65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ort Elizabeth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</w:tcPr>
          <w:p w14:paraId="53F052B0" w14:textId="19DB45F5" w:rsidR="00DA02BC" w:rsidRPr="00E85A9F" w:rsidRDefault="00B3597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32" w:history="1">
              <w:r w:rsidR="00DA02BC" w:rsidRPr="00E85A9F">
                <w:rPr>
                  <w:rStyle w:val="Hyperlink"/>
                  <w:rFonts w:ascii="Arial" w:hAnsi="Arial" w:cs="Arial"/>
                  <w:color w:val="000000" w:themeColor="text1"/>
                  <w:sz w:val="20"/>
                  <w:szCs w:val="20"/>
                </w:rPr>
                <w:t>CN1.pez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14:paraId="45A11B9B" w14:textId="4B346B45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</w:tr>
      <w:tr w:rsidR="00DA02BC" w:rsidRPr="00955218" w14:paraId="78873163" w14:textId="77777777" w:rsidTr="00E85A9F">
        <w:trPr>
          <w:trHeight w:val="290"/>
          <w:jc w:val="center"/>
        </w:trPr>
        <w:tc>
          <w:tcPr>
            <w:tcW w:w="1985" w:type="dxa"/>
            <w:vMerge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1B89178" w14:textId="77777777" w:rsidR="00DA02BC" w:rsidRPr="00E85A9F" w:rsidRDefault="00DA02BC" w:rsidP="00DA02BC">
            <w:pPr>
              <w:spacing w:after="0" w:line="240" w:lineRule="auto"/>
              <w:rPr>
                <w:rFonts w:ascii="Calibri" w:eastAsia="Times New Roman" w:hAnsi="Calibri" w:cs="Times New Roman"/>
                <w:b/>
                <w:bCs/>
                <w:color w:val="000000" w:themeColor="text1"/>
                <w:sz w:val="20"/>
                <w:szCs w:val="20"/>
                <w:lang w:eastAsia="en-ZA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0B16B6D" w14:textId="6CAD8DBC" w:rsidR="00DA02BC" w:rsidRPr="00E85A9F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r w:rsidRPr="00E85A9F"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  <w:t>Port Elizabeth</w:t>
            </w:r>
          </w:p>
        </w:tc>
        <w:tc>
          <w:tcPr>
            <w:tcW w:w="4406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7335B3" w14:textId="7D110208" w:rsidR="00DA02BC" w:rsidRPr="00066B3B" w:rsidRDefault="00B35970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  <w:hyperlink r:id="rId33" w:history="1">
              <w:r w:rsidR="00DA02BC" w:rsidRPr="00E85A9F">
                <w:rPr>
                  <w:rStyle w:val="Hyperlink"/>
                  <w:rFonts w:ascii="Arial" w:eastAsia="Times New Roman" w:hAnsi="Arial" w:cs="Arial"/>
                  <w:color w:val="000000" w:themeColor="text1"/>
                  <w:sz w:val="20"/>
                  <w:szCs w:val="20"/>
                  <w:lang w:eastAsia="en-ZA"/>
                </w:rPr>
                <w:t>PEZShipping@sars.gov.za</w:t>
              </w:r>
            </w:hyperlink>
          </w:p>
        </w:tc>
        <w:tc>
          <w:tcPr>
            <w:tcW w:w="281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BDFECAC" w14:textId="33D1F610" w:rsidR="00DA02BC" w:rsidRPr="00066B3B" w:rsidRDefault="00DA02BC" w:rsidP="00DA02BC">
            <w:pPr>
              <w:spacing w:after="0" w:line="240" w:lineRule="auto"/>
              <w:rPr>
                <w:rFonts w:ascii="Arial" w:eastAsia="Times New Roman" w:hAnsi="Arial" w:cs="Arial"/>
                <w:color w:val="000000" w:themeColor="text1"/>
                <w:sz w:val="20"/>
                <w:szCs w:val="20"/>
                <w:lang w:eastAsia="en-ZA"/>
              </w:rPr>
            </w:pPr>
          </w:p>
        </w:tc>
      </w:tr>
    </w:tbl>
    <w:p w14:paraId="757E97ED" w14:textId="77777777" w:rsidR="001C79DD" w:rsidRPr="00955218" w:rsidRDefault="001C79DD">
      <w:pPr>
        <w:rPr>
          <w:color w:val="000000" w:themeColor="text1"/>
        </w:rPr>
      </w:pPr>
    </w:p>
    <w:p w14:paraId="14974DC5" w14:textId="77777777" w:rsidR="00BB4198" w:rsidRPr="00955218" w:rsidRDefault="00BB4198" w:rsidP="00A26BDC">
      <w:pPr>
        <w:pBdr>
          <w:bottom w:val="single" w:sz="4" w:space="1" w:color="auto"/>
        </w:pBdr>
        <w:rPr>
          <w:color w:val="000000" w:themeColor="text1"/>
        </w:rPr>
      </w:pPr>
    </w:p>
    <w:p w14:paraId="0B8F3CFC" w14:textId="77777777" w:rsidR="00BB4198" w:rsidRPr="00955218" w:rsidRDefault="00BB4198">
      <w:pPr>
        <w:rPr>
          <w:color w:val="000000" w:themeColor="text1"/>
        </w:rPr>
      </w:pPr>
    </w:p>
    <w:p w14:paraId="11234ECA" w14:textId="77777777" w:rsidR="00BB4198" w:rsidRPr="00955218" w:rsidRDefault="00BB4198">
      <w:pPr>
        <w:rPr>
          <w:color w:val="000000" w:themeColor="text1"/>
        </w:rPr>
      </w:pPr>
    </w:p>
    <w:sectPr w:rsidR="00BB4198" w:rsidRPr="00955218">
      <w:headerReference w:type="default" r:id="rId34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132A487" w14:textId="77777777" w:rsidR="00B35970" w:rsidRDefault="00B35970" w:rsidP="00BB4198">
      <w:pPr>
        <w:spacing w:after="0" w:line="240" w:lineRule="auto"/>
      </w:pPr>
      <w:r>
        <w:separator/>
      </w:r>
    </w:p>
  </w:endnote>
  <w:endnote w:type="continuationSeparator" w:id="0">
    <w:p w14:paraId="05261130" w14:textId="77777777" w:rsidR="00B35970" w:rsidRDefault="00B35970" w:rsidP="00BB419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8A53FA7" w14:textId="77777777" w:rsidR="00B35970" w:rsidRDefault="00B35970" w:rsidP="00BB4198">
      <w:pPr>
        <w:spacing w:after="0" w:line="240" w:lineRule="auto"/>
      </w:pPr>
      <w:r>
        <w:separator/>
      </w:r>
    </w:p>
  </w:footnote>
  <w:footnote w:type="continuationSeparator" w:id="0">
    <w:p w14:paraId="463B0C29" w14:textId="77777777" w:rsidR="00B35970" w:rsidRDefault="00B35970" w:rsidP="00BB419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B0053E" w14:textId="77777777" w:rsidR="00BB4198" w:rsidRDefault="00BB4198">
    <w:pPr>
      <w:pStyle w:val="Header"/>
    </w:pPr>
    <w:r>
      <w:rPr>
        <w:noProof/>
        <w:lang w:eastAsia="en-ZA"/>
      </w:rPr>
      <mc:AlternateContent>
        <mc:Choice Requires="wps">
          <w:drawing>
            <wp:anchor distT="0" distB="0" distL="118745" distR="118745" simplePos="0" relativeHeight="251659264" behindDoc="1" locked="0" layoutInCell="1" allowOverlap="0" wp14:anchorId="67D2A47A" wp14:editId="16FCC12D">
              <wp:simplePos x="0" y="0"/>
              <wp:positionH relativeFrom="margin">
                <wp:align>center</wp:align>
              </wp:positionH>
              <mc:AlternateContent>
                <mc:Choice Requires="wp14">
                  <wp:positionV relativeFrom="page">
                    <wp14:pctPosVOffset>4500</wp14:pctPosVOffset>
                  </wp:positionV>
                </mc:Choice>
                <mc:Fallback>
                  <wp:positionV relativeFrom="page">
                    <wp:posOffset>480695</wp:posOffset>
                  </wp:positionV>
                </mc:Fallback>
              </mc:AlternateContent>
              <wp:extent cx="5950039" cy="270457"/>
              <wp:effectExtent l="0" t="0" r="0" b="7620"/>
              <wp:wrapSquare wrapText="bothSides"/>
              <wp:docPr id="197" name="Rectangle 197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950039" cy="270457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txbx>
                      <w:txbxContent>
                        <w:sdt>
                          <w:sdtPr>
                            <w:rPr>
                              <w:caps/>
                              <w:color w:val="FFFFFF" w:themeColor="background1"/>
                            </w:rPr>
                            <w:alias w:val="Title"/>
                            <w:tag w:val=""/>
                            <w:id w:val="1189017394"/>
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<w:text/>
                          </w:sdtPr>
                          <w:sdtEndPr/>
                          <w:sdtContent>
                            <w:p w14:paraId="798BA18D" w14:textId="71DD10DF" w:rsidR="00BB4198" w:rsidRDefault="00BA5A8F">
                              <w:pPr>
                                <w:pStyle w:val="Header"/>
                                <w:jc w:val="center"/>
                                <w:rPr>
                                  <w:caps/>
                                  <w:color w:val="FFFFFF" w:themeColor="background1"/>
                                </w:rPr>
                              </w:pPr>
                              <w:r>
                                <w:rPr>
                                  <w:caps/>
                                  <w:color w:val="FFFFFF" w:themeColor="background1"/>
                                </w:rPr>
                                <w:t>Customs branch contact details</w:t>
                              </w:r>
                            </w:p>
                          </w:sdtContent>
                        </w:sdt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spAutoFit/>
                    </wps:bodyPr>
                  </wps:wsp>
                </a:graphicData>
              </a:graphic>
              <wp14:sizeRelH relativeFrom="margin">
                <wp14:pctWidth>100000</wp14:pctWidth>
              </wp14:sizeRelH>
              <wp14:sizeRelV relativeFrom="page">
                <wp14:pctHeight>2700</wp14:pctHeight>
              </wp14:sizeRelV>
            </wp:anchor>
          </w:drawing>
        </mc:Choice>
        <mc:Fallback>
          <w:pict>
            <v:rect w14:anchorId="67D2A47A" id="Rectangle 197" o:spid="_x0000_s1026" style="position:absolute;margin-left:0;margin-top:0;width:468.5pt;height:21.3pt;z-index:-251657216;visibility:visible;mso-wrap-style:square;mso-width-percent:1000;mso-height-percent:27;mso-top-percent:45;mso-wrap-distance-left:9.35pt;mso-wrap-distance-top:0;mso-wrap-distance-right:9.35pt;mso-wrap-distance-bottom:0;mso-position-horizontal:center;mso-position-horizontal-relative:margin;mso-position-vertical-relative:page;mso-width-percent:1000;mso-height-percent:27;mso-top-percent:45;mso-width-relative:margin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" o:allowoverlap="f" fillcolor="#5b9bd5 [3204]" stroked="f" strokeweight="1pt">
              <v:textbox style="mso-fit-shape-to-text:t">
                <w:txbxContent>
                  <w:sdt>
                    <w:sdtPr>
                      <w:rPr>
                        <w:caps/>
                        <w:color w:val="FFFFFF" w:themeColor="background1"/>
                      </w:rPr>
                      <w:alias w:val="Title"/>
                      <w:tag w:val=""/>
                      <w:id w:val="1189017394"/>
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<w:text/>
                    </w:sdtPr>
                    <w:sdtEndPr/>
                    <w:sdtContent>
                      <w:p w14:paraId="798BA18D" w14:textId="71DD10DF" w:rsidR="00BB4198" w:rsidRDefault="00BA5A8F">
                        <w:pPr>
                          <w:pStyle w:val="Header"/>
                          <w:jc w:val="center"/>
                          <w:rPr>
                            <w:caps/>
                            <w:color w:val="FFFFFF" w:themeColor="background1"/>
                          </w:rPr>
                        </w:pPr>
                        <w:r>
                          <w:rPr>
                            <w:caps/>
                            <w:color w:val="FFFFFF" w:themeColor="background1"/>
                          </w:rPr>
                          <w:t>Customs branch contact details</w:t>
                        </w:r>
                      </w:p>
                    </w:sdtContent>
                  </w:sdt>
                </w:txbxContent>
              </v:textbox>
              <w10:wrap type="square" anchorx="margin" anchory="page"/>
            </v:rect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B4198"/>
    <w:rsid w:val="00015076"/>
    <w:rsid w:val="000440F0"/>
    <w:rsid w:val="00047C72"/>
    <w:rsid w:val="00066B3B"/>
    <w:rsid w:val="00082967"/>
    <w:rsid w:val="00086F3C"/>
    <w:rsid w:val="000D1499"/>
    <w:rsid w:val="0010066E"/>
    <w:rsid w:val="001112B6"/>
    <w:rsid w:val="00152184"/>
    <w:rsid w:val="0016492C"/>
    <w:rsid w:val="00164D30"/>
    <w:rsid w:val="001848FB"/>
    <w:rsid w:val="001C79DD"/>
    <w:rsid w:val="00205EE6"/>
    <w:rsid w:val="00211282"/>
    <w:rsid w:val="00234234"/>
    <w:rsid w:val="002433D3"/>
    <w:rsid w:val="00310048"/>
    <w:rsid w:val="00393DFC"/>
    <w:rsid w:val="003D36A7"/>
    <w:rsid w:val="003E1278"/>
    <w:rsid w:val="00445CE0"/>
    <w:rsid w:val="004722F3"/>
    <w:rsid w:val="00491CFD"/>
    <w:rsid w:val="005173A2"/>
    <w:rsid w:val="005362B5"/>
    <w:rsid w:val="00560A5E"/>
    <w:rsid w:val="00622FF1"/>
    <w:rsid w:val="00642538"/>
    <w:rsid w:val="0069217A"/>
    <w:rsid w:val="00696B65"/>
    <w:rsid w:val="006B46A0"/>
    <w:rsid w:val="006B5730"/>
    <w:rsid w:val="006F3C45"/>
    <w:rsid w:val="00703E4C"/>
    <w:rsid w:val="00716387"/>
    <w:rsid w:val="00756FA0"/>
    <w:rsid w:val="007856B8"/>
    <w:rsid w:val="007B477E"/>
    <w:rsid w:val="007B5C52"/>
    <w:rsid w:val="007E4755"/>
    <w:rsid w:val="00851092"/>
    <w:rsid w:val="00877846"/>
    <w:rsid w:val="008B0093"/>
    <w:rsid w:val="00906AA8"/>
    <w:rsid w:val="009544DC"/>
    <w:rsid w:val="00955218"/>
    <w:rsid w:val="00987B82"/>
    <w:rsid w:val="009923DC"/>
    <w:rsid w:val="00A26BDC"/>
    <w:rsid w:val="00A87039"/>
    <w:rsid w:val="00AB5ABD"/>
    <w:rsid w:val="00B1335A"/>
    <w:rsid w:val="00B35970"/>
    <w:rsid w:val="00B4196D"/>
    <w:rsid w:val="00B47C51"/>
    <w:rsid w:val="00BA5A8F"/>
    <w:rsid w:val="00BB4198"/>
    <w:rsid w:val="00C16CDA"/>
    <w:rsid w:val="00C41DEF"/>
    <w:rsid w:val="00DA02BC"/>
    <w:rsid w:val="00DF4167"/>
    <w:rsid w:val="00E13C4C"/>
    <w:rsid w:val="00E40B7D"/>
    <w:rsid w:val="00E85A9F"/>
    <w:rsid w:val="00EB4AFD"/>
    <w:rsid w:val="00EB57FA"/>
    <w:rsid w:val="00ED44FB"/>
    <w:rsid w:val="00EE0E54"/>
    <w:rsid w:val="00F009F3"/>
    <w:rsid w:val="00FC407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06B00015"/>
  <w15:chartTrackingRefBased/>
  <w15:docId w15:val="{59CD5A0B-4A94-4CD3-9BFF-8EB00EE8A9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Z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BB419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B4198"/>
  </w:style>
  <w:style w:type="paragraph" w:styleId="Footer">
    <w:name w:val="footer"/>
    <w:basedOn w:val="Normal"/>
    <w:link w:val="FooterChar"/>
    <w:uiPriority w:val="99"/>
    <w:unhideWhenUsed/>
    <w:rsid w:val="00BB419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B4198"/>
  </w:style>
  <w:style w:type="character" w:styleId="Hyperlink">
    <w:name w:val="Hyperlink"/>
    <w:basedOn w:val="DefaultParagraphFont"/>
    <w:uiPriority w:val="99"/>
    <w:unhideWhenUsed/>
    <w:rsid w:val="006B46A0"/>
    <w:rPr>
      <w:color w:val="0563C1" w:themeColor="hyperlink"/>
      <w:u w:val="single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5173A2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uiPriority w:val="99"/>
    <w:semiHidden/>
    <w:unhideWhenUsed/>
    <w:rsid w:val="00EB4AFD"/>
    <w:rPr>
      <w:color w:val="954F72" w:themeColor="followed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164D30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54108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4986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5813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11668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mailto:DMabena@sars.gov.za" TargetMode="External"/><Relationship Id="rId18" Type="http://schemas.openxmlformats.org/officeDocument/2006/relationships/hyperlink" Target="mailto:SMvubu2@sars.gov.za" TargetMode="External"/><Relationship Id="rId26" Type="http://schemas.openxmlformats.org/officeDocument/2006/relationships/hyperlink" Target="mailto:Mrampersad@sars.gov.za" TargetMode="External"/><Relationship Id="rId3" Type="http://schemas.openxmlformats.org/officeDocument/2006/relationships/webSettings" Target="webSettings.xml"/><Relationship Id="rId21" Type="http://schemas.openxmlformats.org/officeDocument/2006/relationships/hyperlink" Target="mailto:ortiageneralqueries@sars.gov.za" TargetMode="External"/><Relationship Id="rId34" Type="http://schemas.openxmlformats.org/officeDocument/2006/relationships/header" Target="header1.xml"/><Relationship Id="rId7" Type="http://schemas.openxmlformats.org/officeDocument/2006/relationships/hyperlink" Target="mailto:DWaldick@sars.gov.za" TargetMode="External"/><Relationship Id="rId12" Type="http://schemas.openxmlformats.org/officeDocument/2006/relationships/hyperlink" Target="mailto:AGoliath@sars.gov.za" TargetMode="External"/><Relationship Id="rId17" Type="http://schemas.openxmlformats.org/officeDocument/2006/relationships/hyperlink" Target="mailto:bvandyk@sars.gov.za" TargetMode="External"/><Relationship Id="rId25" Type="http://schemas.openxmlformats.org/officeDocument/2006/relationships/hyperlink" Target="mailto:Bndou@sars.gov.za" TargetMode="External"/><Relationship Id="rId33" Type="http://schemas.openxmlformats.org/officeDocument/2006/relationships/hyperlink" Target="file:///D:\Users\s1038594\Documents\Faatimah%20Dolley%20Kapery\Zanemvula%20Miza\PEZShipping@sars.gov.za" TargetMode="External"/><Relationship Id="rId2" Type="http://schemas.openxmlformats.org/officeDocument/2006/relationships/settings" Target="settings.xml"/><Relationship Id="rId16" Type="http://schemas.openxmlformats.org/officeDocument/2006/relationships/hyperlink" Target="mailto:VMaphobole@sars.gov.za" TargetMode="External"/><Relationship Id="rId20" Type="http://schemas.openxmlformats.org/officeDocument/2006/relationships/hyperlink" Target="mailto:nmhlongo2@sars.gov.za" TargetMode="External"/><Relationship Id="rId29" Type="http://schemas.openxmlformats.org/officeDocument/2006/relationships/hyperlink" Target="mailto:CustomsBranchOperationsEastLondon@sars.gov.za" TargetMode="External"/><Relationship Id="rId1" Type="http://schemas.openxmlformats.org/officeDocument/2006/relationships/styles" Target="styles.xml"/><Relationship Id="rId6" Type="http://schemas.openxmlformats.org/officeDocument/2006/relationships/hyperlink" Target="mailto:SMagugwana@sars.gov.za" TargetMode="External"/><Relationship Id="rId11" Type="http://schemas.openxmlformats.org/officeDocument/2006/relationships/hyperlink" Target="mailto:mndou1@sars.gov.za" TargetMode="External"/><Relationship Id="rId24" Type="http://schemas.openxmlformats.org/officeDocument/2006/relationships/hyperlink" Target="mailto:AlbRevenue@sars.gov.za" TargetMode="External"/><Relationship Id="rId32" Type="http://schemas.openxmlformats.org/officeDocument/2006/relationships/hyperlink" Target="mailto:CN1.pez@sars.gov.za" TargetMode="External"/><Relationship Id="rId5" Type="http://schemas.openxmlformats.org/officeDocument/2006/relationships/endnotes" Target="endnotes.xml"/><Relationship Id="rId15" Type="http://schemas.openxmlformats.org/officeDocument/2006/relationships/hyperlink" Target="mailto:AGoliath@sars.gov.za" TargetMode="External"/><Relationship Id="rId23" Type="http://schemas.openxmlformats.org/officeDocument/2006/relationships/hyperlink" Target="mailto:AlbertonBranch@sars.gov.za" TargetMode="External"/><Relationship Id="rId28" Type="http://schemas.openxmlformats.org/officeDocument/2006/relationships/hyperlink" Target="mailto:KopfonteinClientQueries@sars.gov.za" TargetMode="External"/><Relationship Id="rId36" Type="http://schemas.openxmlformats.org/officeDocument/2006/relationships/theme" Target="theme/theme1.xml"/><Relationship Id="rId10" Type="http://schemas.openxmlformats.org/officeDocument/2006/relationships/hyperlink" Target="mailto:pwesthuizen@sars.gov.za" TargetMode="External"/><Relationship Id="rId19" Type="http://schemas.openxmlformats.org/officeDocument/2006/relationships/hyperlink" Target="mailto:RBayEnquiries@sars.gov.za" TargetMode="External"/><Relationship Id="rId31" Type="http://schemas.openxmlformats.org/officeDocument/2006/relationships/hyperlink" Target="mailto:PEZEnquiries@sars.gov.za" TargetMode="External"/><Relationship Id="rId4" Type="http://schemas.openxmlformats.org/officeDocument/2006/relationships/footnotes" Target="footnotes.xml"/><Relationship Id="rId9" Type="http://schemas.openxmlformats.org/officeDocument/2006/relationships/hyperlink" Target="mailto:rvermeulen@sars.gov.za" TargetMode="External"/><Relationship Id="rId14" Type="http://schemas.openxmlformats.org/officeDocument/2006/relationships/hyperlink" Target="mailto:Itau1@sars.gov.za" TargetMode="External"/><Relationship Id="rId22" Type="http://schemas.openxmlformats.org/officeDocument/2006/relationships/hyperlink" Target="mailto:PTAbookings@sars.gov.za" TargetMode="External"/><Relationship Id="rId27" Type="http://schemas.openxmlformats.org/officeDocument/2006/relationships/hyperlink" Target="mailto:CTN-Bookings@sars.gov.za" TargetMode="External"/><Relationship Id="rId30" Type="http://schemas.openxmlformats.org/officeDocument/2006/relationships/hyperlink" Target="mailto:PEZRegistrationandLicensing@sars.gov.za" TargetMode="External"/><Relationship Id="rId35" Type="http://schemas.openxmlformats.org/officeDocument/2006/relationships/fontTable" Target="fontTable.xml"/><Relationship Id="rId8" Type="http://schemas.openxmlformats.org/officeDocument/2006/relationships/hyperlink" Target="mailto:SMagugwana@sars.gov.za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</Pages>
  <Words>622</Words>
  <Characters>3546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Customs branch contact details</vt:lpstr>
    </vt:vector>
  </TitlesOfParts>
  <Company>SARS</Company>
  <LinksUpToDate>false</LinksUpToDate>
  <CharactersWithSpaces>41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ustoms branch contact details</dc:title>
  <dc:subject/>
  <dc:creator>Wilna Meintjes</dc:creator>
  <cp:keywords/>
  <dc:description/>
  <cp:lastModifiedBy>Geraldine Fröhling</cp:lastModifiedBy>
  <cp:revision>5</cp:revision>
  <dcterms:created xsi:type="dcterms:W3CDTF">2023-06-13T10:05:00Z</dcterms:created>
  <dcterms:modified xsi:type="dcterms:W3CDTF">2023-06-13T10:18:00Z</dcterms:modified>
</cp:coreProperties>
</file>